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4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or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6ABBC7C5-EDFE-9B66-8048-AED6B18E46F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7222" y="4759345"/>
            <a:ext cx="2473760" cy="190974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572E9636-FB41-04C1-EEE8-7B61A06DAB9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50772" y="4202990"/>
            <a:ext cx="1554613" cy="120016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1-28T08:25:17Z</dcterms:modified>
</cp:coreProperties>
</file>